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929"/>
  <workbookPr/>
  <mc:AlternateContent xmlns:mc="http://schemas.openxmlformats.org/markup-compatibility/2006">
    <mc:Choice Requires="x15">
      <x15ac:absPath xmlns:x15ac="http://schemas.microsoft.com/office/spreadsheetml/2010/11/ac" url="\\10.2.108.50\s23902007\０２　指導監査\002 自主点検表等\自主点検表\R8年度\№4_児童福祉施設等\別紙　調査事項（虐待防止等）\"/>
    </mc:Choice>
  </mc:AlternateContent>
  <xr:revisionPtr revIDLastSave="0" documentId="13_ncr:1_{2576E619-915A-47DA-A92C-0EDDE6CFA935}" xr6:coauthVersionLast="47" xr6:coauthVersionMax="47" xr10:uidLastSave="{00000000-0000-0000-0000-000000000000}"/>
  <bookViews>
    <workbookView xWindow="-120" yWindow="-120" windowWidth="29040" windowHeight="15720" xr2:uid="{00000000-000D-0000-FFFF-FFFF00000000}"/>
  </bookViews>
  <sheets>
    <sheet name="不適切保育防止関係" sheetId="1" r:id="rId1"/>
  </sheets>
  <definedNames>
    <definedName name="_xlnm.Print_Area" localSheetId="0">不適切保育防止関係!$A$1:$C$30</definedName>
    <definedName name="_xlnm.Print_Titles" localSheetId="0">不適切保育防止関係!$4:$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54" uniqueCount="34">
  <si>
    <t>項　目</t>
    <phoneticPr fontId="1"/>
  </si>
  <si>
    <t>確　認　事　項</t>
    <phoneticPr fontId="1"/>
  </si>
  <si>
    <t>取組状況</t>
    <rPh sb="0" eb="1">
      <t>ト</t>
    </rPh>
    <rPh sb="1" eb="2">
      <t>ク</t>
    </rPh>
    <rPh sb="2" eb="4">
      <t>ジョウキョウ</t>
    </rPh>
    <phoneticPr fontId="1"/>
  </si>
  <si>
    <t>事故等の記録</t>
    <rPh sb="0" eb="2">
      <t>ジコ</t>
    </rPh>
    <rPh sb="2" eb="3">
      <t>トウ</t>
    </rPh>
    <rPh sb="4" eb="6">
      <t>キロク</t>
    </rPh>
    <phoneticPr fontId="1"/>
  </si>
  <si>
    <t>メンタルヘルスケア</t>
    <phoneticPr fontId="1"/>
  </si>
  <si>
    <t>研修の実施</t>
    <rPh sb="0" eb="2">
      <t>ケンシュウ</t>
    </rPh>
    <rPh sb="3" eb="5">
      <t>ジッシ</t>
    </rPh>
    <phoneticPr fontId="1"/>
  </si>
  <si>
    <t>保護者との情報共有</t>
    <rPh sb="0" eb="3">
      <t>ホゴシャ</t>
    </rPh>
    <rPh sb="5" eb="9">
      <t>ジョウホウキョウユウ</t>
    </rPh>
    <phoneticPr fontId="1"/>
  </si>
  <si>
    <t>また、全職員がその基準により記録を行っていますか。</t>
    <phoneticPr fontId="1"/>
  </si>
  <si>
    <t>事故防止の体制</t>
    <rPh sb="0" eb="4">
      <t>ジコボウシ</t>
    </rPh>
    <rPh sb="5" eb="7">
      <t>タイセイ</t>
    </rPh>
    <phoneticPr fontId="1"/>
  </si>
  <si>
    <t>マニュアル等で「どのような事案」を「どの記録簿」に「どのような内容」で記載するかといった事故記録を作成する基準を明確化していますか。</t>
    <rPh sb="5" eb="6">
      <t>トウ</t>
    </rPh>
    <rPh sb="44" eb="46">
      <t>ジコ</t>
    </rPh>
    <rPh sb="46" eb="48">
      <t>キロク</t>
    </rPh>
    <rPh sb="49" eb="51">
      <t>サクセイ</t>
    </rPh>
    <phoneticPr fontId="1"/>
  </si>
  <si>
    <t>施設名　(　　　　　　　　　　　　　　　　　　　)</t>
    <rPh sb="0" eb="2">
      <t>シセツ</t>
    </rPh>
    <rPh sb="2" eb="3">
      <t>メイ</t>
    </rPh>
    <phoneticPr fontId="1"/>
  </si>
  <si>
    <t>□　はい　
□　いいえ</t>
    <phoneticPr fontId="1"/>
  </si>
  <si>
    <t>休日カレンダーや有給休暇取得計画表の作成など、休暇を取りやすい環境づくりに取り組んでいますか。</t>
    <rPh sb="0" eb="2">
      <t>キュウジツ</t>
    </rPh>
    <rPh sb="8" eb="10">
      <t>ユウキュウ</t>
    </rPh>
    <rPh sb="10" eb="12">
      <t>キュウカ</t>
    </rPh>
    <rPh sb="12" eb="14">
      <t>シュトク</t>
    </rPh>
    <rPh sb="14" eb="16">
      <t>ケイカク</t>
    </rPh>
    <rPh sb="16" eb="17">
      <t>ヒョウ</t>
    </rPh>
    <rPh sb="18" eb="20">
      <t>サクセイ</t>
    </rPh>
    <rPh sb="23" eb="25">
      <t>キュウカ</t>
    </rPh>
    <rPh sb="26" eb="27">
      <t>ト</t>
    </rPh>
    <rPh sb="31" eb="33">
      <t>カンキョウ</t>
    </rPh>
    <rPh sb="37" eb="38">
      <t>ト</t>
    </rPh>
    <rPh sb="39" eb="40">
      <t>ク</t>
    </rPh>
    <phoneticPr fontId="1"/>
  </si>
  <si>
    <t>事故発生につながる現場の違和感を、違和感のまま見過ごさない体制を構築するために、定期的に具体的な振り返りの時間や場を設定していますか。</t>
    <rPh sb="0" eb="2">
      <t>ジコ</t>
    </rPh>
    <rPh sb="2" eb="4">
      <t>ハッセイ</t>
    </rPh>
    <rPh sb="9" eb="11">
      <t>ゲンバ</t>
    </rPh>
    <rPh sb="12" eb="15">
      <t>イワカン</t>
    </rPh>
    <rPh sb="17" eb="20">
      <t>イワカン</t>
    </rPh>
    <rPh sb="23" eb="25">
      <t>ミス</t>
    </rPh>
    <rPh sb="29" eb="31">
      <t>タイセイ</t>
    </rPh>
    <rPh sb="32" eb="34">
      <t>コウチク</t>
    </rPh>
    <rPh sb="40" eb="42">
      <t>テイキ</t>
    </rPh>
    <rPh sb="42" eb="43">
      <t>テキ</t>
    </rPh>
    <rPh sb="44" eb="47">
      <t>グタイテキ</t>
    </rPh>
    <rPh sb="48" eb="49">
      <t>フ</t>
    </rPh>
    <rPh sb="50" eb="51">
      <t>カエ</t>
    </rPh>
    <rPh sb="53" eb="55">
      <t>ジカン</t>
    </rPh>
    <rPh sb="56" eb="57">
      <t>バ</t>
    </rPh>
    <rPh sb="58" eb="60">
      <t>セッテイ</t>
    </rPh>
    <phoneticPr fontId="1"/>
  </si>
  <si>
    <t>メンタルヘルス不調のサインを見逃さないよう、管理職にある職員による定期的な面談の実施や、積極的なコミュニケーション、ストレスチェックの実施など、園が主体的にメンタルヘルスケアの取組を行っていますか。</t>
    <rPh sb="22" eb="24">
      <t>カンリ</t>
    </rPh>
    <rPh sb="24" eb="25">
      <t>ショク</t>
    </rPh>
    <rPh sb="28" eb="30">
      <t>ショクイン</t>
    </rPh>
    <rPh sb="33" eb="36">
      <t>テイキテキ</t>
    </rPh>
    <rPh sb="37" eb="39">
      <t>メンダン</t>
    </rPh>
    <rPh sb="40" eb="42">
      <t>ジッシ</t>
    </rPh>
    <rPh sb="44" eb="47">
      <t>セッキョクテキ</t>
    </rPh>
    <rPh sb="67" eb="69">
      <t>ジッシ</t>
    </rPh>
    <rPh sb="72" eb="73">
      <t>エン</t>
    </rPh>
    <rPh sb="74" eb="77">
      <t>シュタイテキ</t>
    </rPh>
    <rPh sb="88" eb="90">
      <t>トリクミ</t>
    </rPh>
    <rPh sb="91" eb="92">
      <t>オコナ</t>
    </rPh>
    <phoneticPr fontId="1"/>
  </si>
  <si>
    <t>怪我や事故等が発生した場合、情報共有にとどまらず、管理職にある職員が中心となり、発生したその日のうちに原因を究明し、再発防止のための迅速な対応を行っていますか。</t>
    <rPh sb="0" eb="2">
      <t>ケガ</t>
    </rPh>
    <rPh sb="3" eb="5">
      <t>ジコ</t>
    </rPh>
    <rPh sb="5" eb="6">
      <t>ナド</t>
    </rPh>
    <rPh sb="7" eb="9">
      <t>ハッセイ</t>
    </rPh>
    <rPh sb="11" eb="13">
      <t>バアイ</t>
    </rPh>
    <rPh sb="14" eb="16">
      <t>ジョウホウ</t>
    </rPh>
    <rPh sb="16" eb="18">
      <t>キョウユウ</t>
    </rPh>
    <rPh sb="58" eb="60">
      <t>サイハツ</t>
    </rPh>
    <rPh sb="60" eb="62">
      <t>ボウシ</t>
    </rPh>
    <rPh sb="69" eb="71">
      <t>タイオウ</t>
    </rPh>
    <rPh sb="72" eb="73">
      <t>オコナ</t>
    </rPh>
    <phoneticPr fontId="1"/>
  </si>
  <si>
    <t>非常勤職員を含めた全職員の研修を行っていますか。</t>
    <rPh sb="16" eb="17">
      <t>オコナ</t>
    </rPh>
    <phoneticPr fontId="1"/>
  </si>
  <si>
    <t>様々な状況を想定した多様な研修の実施や、外部研修への参加とその研修内容の園内での確実な共有など、園が主体的に、研修を通した教育・保育の質の向上に取り組んでいますか。</t>
    <rPh sb="16" eb="18">
      <t>ジッシ</t>
    </rPh>
    <rPh sb="48" eb="49">
      <t>エン</t>
    </rPh>
    <rPh sb="50" eb="53">
      <t>シュタイテキ</t>
    </rPh>
    <rPh sb="55" eb="57">
      <t>ケンシュウ</t>
    </rPh>
    <rPh sb="58" eb="59">
      <t>トオ</t>
    </rPh>
    <rPh sb="61" eb="63">
      <t>キョウイク</t>
    </rPh>
    <rPh sb="64" eb="66">
      <t>ホイク</t>
    </rPh>
    <rPh sb="67" eb="68">
      <t>シツ</t>
    </rPh>
    <rPh sb="69" eb="71">
      <t>コウジョウ</t>
    </rPh>
    <rPh sb="72" eb="73">
      <t>ト</t>
    </rPh>
    <rPh sb="74" eb="75">
      <t>ク</t>
    </rPh>
    <phoneticPr fontId="1"/>
  </si>
  <si>
    <t>園内での子どもの様子や家庭での状況等を、保護者と園が安心して伝え合える信頼関係を構築するために、登降園時の伝達や連絡帳、アプリの活用など、様々な手段を通じて、保護者との積極的な情報共有とコミュニケーションを行っていますか。</t>
    <phoneticPr fontId="1"/>
  </si>
  <si>
    <t>園全体で「事故の情報」「対応状況」「保護者対応」など、事故等の具体的な内容の共有を行っていますか。</t>
    <rPh sb="0" eb="1">
      <t>エン</t>
    </rPh>
    <rPh sb="1" eb="3">
      <t>ゼンタイ</t>
    </rPh>
    <rPh sb="5" eb="7">
      <t>ジコ</t>
    </rPh>
    <rPh sb="8" eb="10">
      <t>ジョウホウ</t>
    </rPh>
    <rPh sb="12" eb="14">
      <t>タイオウ</t>
    </rPh>
    <rPh sb="14" eb="16">
      <t>ジョウキョウ</t>
    </rPh>
    <rPh sb="18" eb="21">
      <t>ホゴシャ</t>
    </rPh>
    <rPh sb="21" eb="23">
      <t>タイオウ</t>
    </rPh>
    <rPh sb="27" eb="29">
      <t>ジコ</t>
    </rPh>
    <rPh sb="29" eb="30">
      <t>ナド</t>
    </rPh>
    <rPh sb="31" eb="34">
      <t>グタイテキ</t>
    </rPh>
    <rPh sb="35" eb="37">
      <t>ナイヨウ</t>
    </rPh>
    <rPh sb="38" eb="40">
      <t>キョウユウ</t>
    </rPh>
    <rPh sb="41" eb="42">
      <t>オコナ</t>
    </rPh>
    <phoneticPr fontId="1"/>
  </si>
  <si>
    <t>ストレスや悩みを気軽に相談できる窓口の設置や、「保育士・保育所支援センター」など活用できる外部窓口の周知を行っていますか。</t>
    <rPh sb="5" eb="6">
      <t>ナヤ</t>
    </rPh>
    <rPh sb="8" eb="10">
      <t>キガル</t>
    </rPh>
    <rPh sb="11" eb="13">
      <t>ソウダン</t>
    </rPh>
    <rPh sb="16" eb="18">
      <t>マドグチ</t>
    </rPh>
    <rPh sb="19" eb="21">
      <t>セッチ</t>
    </rPh>
    <rPh sb="24" eb="27">
      <t>ホイクシ</t>
    </rPh>
    <rPh sb="28" eb="30">
      <t>ホイク</t>
    </rPh>
    <rPh sb="30" eb="31">
      <t>ショ</t>
    </rPh>
    <rPh sb="31" eb="33">
      <t>シエン</t>
    </rPh>
    <rPh sb="40" eb="42">
      <t>カツヨウ</t>
    </rPh>
    <rPh sb="45" eb="47">
      <t>ガイブ</t>
    </rPh>
    <rPh sb="47" eb="49">
      <t>マドグチ</t>
    </rPh>
    <rPh sb="50" eb="52">
      <t>シュウチ</t>
    </rPh>
    <rPh sb="53" eb="54">
      <t>オコナ</t>
    </rPh>
    <phoneticPr fontId="1"/>
  </si>
  <si>
    <t>職員採用後、新規職員向けの研修を迅速に行っていますか。</t>
    <rPh sb="0" eb="2">
      <t>ショクイン</t>
    </rPh>
    <rPh sb="16" eb="18">
      <t>ジンソク</t>
    </rPh>
    <phoneticPr fontId="1"/>
  </si>
  <si>
    <t>管理職にある職員自身も積極的に研修等に参加するなど、資質の向上に取り組んでいますか。</t>
    <rPh sb="32" eb="33">
      <t>ト</t>
    </rPh>
    <rPh sb="34" eb="35">
      <t>ク</t>
    </rPh>
    <phoneticPr fontId="1"/>
  </si>
  <si>
    <t>保護者が、保育室での子どもの様子を把握できる機会を設定していますか。</t>
    <phoneticPr fontId="1"/>
  </si>
  <si>
    <t>別紙　調査事項(虐待防止等)</t>
    <rPh sb="0" eb="2">
      <t>ベッシ</t>
    </rPh>
    <rPh sb="3" eb="5">
      <t>チョウサ</t>
    </rPh>
    <rPh sb="5" eb="7">
      <t>ジコウ</t>
    </rPh>
    <rPh sb="8" eb="10">
      <t>ギャクタイ</t>
    </rPh>
    <rPh sb="10" eb="12">
      <t>ボウシ</t>
    </rPh>
    <rPh sb="12" eb="13">
      <t>トウ</t>
    </rPh>
    <phoneticPr fontId="1"/>
  </si>
  <si>
    <t>虐待防止の担当者を任命していますか。</t>
    <rPh sb="0" eb="2">
      <t>ギャクタイ</t>
    </rPh>
    <rPh sb="2" eb="4">
      <t>ボウシ</t>
    </rPh>
    <rPh sb="5" eb="8">
      <t>タントウシャ</t>
    </rPh>
    <rPh sb="9" eb="11">
      <t>ニンメイ</t>
    </rPh>
    <phoneticPr fontId="1"/>
  </si>
  <si>
    <t>報告すべき事案の明確化や、報告手順のフローチャート整備など、園全体で主体的に虐待防止に取り組むための体制整備を行っていますか。</t>
    <rPh sb="0" eb="2">
      <t>ホウコク</t>
    </rPh>
    <rPh sb="5" eb="7">
      <t>ジアン</t>
    </rPh>
    <rPh sb="8" eb="11">
      <t>メイカクカ</t>
    </rPh>
    <rPh sb="13" eb="15">
      <t>ホウコク</t>
    </rPh>
    <rPh sb="15" eb="17">
      <t>テジュン</t>
    </rPh>
    <rPh sb="25" eb="27">
      <t>セイビ</t>
    </rPh>
    <rPh sb="30" eb="31">
      <t>エン</t>
    </rPh>
    <rPh sb="31" eb="33">
      <t>ゼンタイ</t>
    </rPh>
    <rPh sb="34" eb="37">
      <t>シュタイテキ</t>
    </rPh>
    <rPh sb="38" eb="40">
      <t>ギャクタイ</t>
    </rPh>
    <rPh sb="40" eb="42">
      <t>ボウシ</t>
    </rPh>
    <rPh sb="43" eb="44">
      <t>ト</t>
    </rPh>
    <rPh sb="45" eb="46">
      <t>ク</t>
    </rPh>
    <rPh sb="50" eb="52">
      <t>タイセイ</t>
    </rPh>
    <rPh sb="52" eb="54">
      <t>セイビ</t>
    </rPh>
    <rPh sb="55" eb="56">
      <t>オコナ</t>
    </rPh>
    <phoneticPr fontId="1"/>
  </si>
  <si>
    <t>ガイドラインの内容（虐待の定義、職員としての通報義務など）を踏まえた、園内の研修を実施していますか。</t>
    <rPh sb="16" eb="18">
      <t>ショクイン</t>
    </rPh>
    <rPh sb="22" eb="24">
      <t>ツウホウ</t>
    </rPh>
    <rPh sb="24" eb="26">
      <t>ギム</t>
    </rPh>
    <rPh sb="35" eb="37">
      <t>エンナイ</t>
    </rPh>
    <phoneticPr fontId="1"/>
  </si>
  <si>
    <t>虐待が疑われる事案等について、保護者が相談しやすい環境づくりの取組を行っていますか。（市からのR8.3.26通知で示した「保護者向けの取組のコラム」等を活用し、相談窓口の周知を適切に行っていますか。）</t>
    <phoneticPr fontId="1"/>
  </si>
  <si>
    <t>新しい虐待防止等のガイドライン</t>
    <rPh sb="0" eb="1">
      <t>アタラ</t>
    </rPh>
    <rPh sb="3" eb="5">
      <t>ギャクタイ</t>
    </rPh>
    <rPh sb="5" eb="7">
      <t>ボウシ</t>
    </rPh>
    <rPh sb="7" eb="8">
      <t>ナド</t>
    </rPh>
    <phoneticPr fontId="1"/>
  </si>
  <si>
    <t>虐待が疑われる事案等について、園としての通報だけでなく、職員としても通報義務があることを、全職員に周知していますか。
また、職員には公益通報の保護があり、通報したことを理由に不利益な取扱いを受けないことを周知していますか。</t>
    <rPh sb="3" eb="4">
      <t>ウタガ</t>
    </rPh>
    <rPh sb="7" eb="9">
      <t>ジアン</t>
    </rPh>
    <rPh sb="9" eb="10">
      <t>ナド</t>
    </rPh>
    <rPh sb="15" eb="16">
      <t>エン</t>
    </rPh>
    <rPh sb="20" eb="22">
      <t>ツウホウ</t>
    </rPh>
    <rPh sb="28" eb="30">
      <t>ショクイン</t>
    </rPh>
    <rPh sb="62" eb="64">
      <t>ショクイン</t>
    </rPh>
    <rPh sb="66" eb="68">
      <t>コウエキ</t>
    </rPh>
    <rPh sb="68" eb="70">
      <t>ツウホウ</t>
    </rPh>
    <rPh sb="69" eb="70">
      <t>コウツウ</t>
    </rPh>
    <rPh sb="71" eb="73">
      <t>ホゴ</t>
    </rPh>
    <rPh sb="77" eb="79">
      <t>ツウホウ</t>
    </rPh>
    <rPh sb="84" eb="86">
      <t>リユウ</t>
    </rPh>
    <rPh sb="87" eb="90">
      <t>フリエキ</t>
    </rPh>
    <rPh sb="91" eb="93">
      <t>トリアツカ</t>
    </rPh>
    <rPh sb="95" eb="96">
      <t>ウ</t>
    </rPh>
    <rPh sb="102" eb="104">
      <t>シュウチ</t>
    </rPh>
    <phoneticPr fontId="1"/>
  </si>
  <si>
    <t>市の相談・通報窓口を全職員に周知し、職員が躊躇することなく、相談・通報できる環境づくりの取組を行っていますか。</t>
    <rPh sb="0" eb="1">
      <t>シ</t>
    </rPh>
    <rPh sb="2" eb="4">
      <t>ソウダン</t>
    </rPh>
    <rPh sb="7" eb="9">
      <t>マドグチ</t>
    </rPh>
    <rPh sb="10" eb="13">
      <t>ゼンショクイン</t>
    </rPh>
    <rPh sb="14" eb="16">
      <t>シュウチ</t>
    </rPh>
    <rPh sb="21" eb="23">
      <t>チュウチョ</t>
    </rPh>
    <rPh sb="30" eb="32">
      <t>ソウダン</t>
    </rPh>
    <rPh sb="33" eb="35">
      <t>ツウホウ</t>
    </rPh>
    <rPh sb="38" eb="40">
      <t>カンキョウ</t>
    </rPh>
    <rPh sb="44" eb="46">
      <t>トリクミ</t>
    </rPh>
    <rPh sb="47" eb="48">
      <t>オコナ</t>
    </rPh>
    <phoneticPr fontId="1"/>
  </si>
  <si>
    <t>虐待防止体制</t>
    <rPh sb="0" eb="2">
      <t>ギャクタイ</t>
    </rPh>
    <rPh sb="2" eb="4">
      <t>ボウシ</t>
    </rPh>
    <rPh sb="4" eb="6">
      <t>タイセイ</t>
    </rPh>
    <phoneticPr fontId="1"/>
  </si>
  <si>
    <t>新しいガイドライン（Ｒ８年４月改訂）「保育所や幼稚園等における虐待の防止及び発生時の対応等に関するガイドライン」を、全職員（非常勤職員を含む）に周知し、内容等を確認していますか。</t>
    <rPh sb="0" eb="1">
      <t>シン</t>
    </rPh>
    <rPh sb="72" eb="74">
      <t>シュウチ</t>
    </rPh>
    <rPh sb="76" eb="78">
      <t>ナイヨウ</t>
    </rPh>
    <rPh sb="78" eb="79">
      <t>ナド</t>
    </rPh>
    <rPh sb="80" eb="82">
      <t>カクニ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x14ac:knownFonts="1">
    <font>
      <sz val="11"/>
      <color theme="1"/>
      <name val="游ゴシック"/>
      <family val="2"/>
      <charset val="128"/>
      <scheme val="minor"/>
    </font>
    <font>
      <sz val="6"/>
      <name val="游ゴシック"/>
      <family val="2"/>
      <charset val="128"/>
      <scheme val="minor"/>
    </font>
    <font>
      <sz val="10"/>
      <color theme="1"/>
      <name val="ＭＳ Ｐゴシック"/>
      <family val="3"/>
      <charset val="128"/>
    </font>
    <font>
      <b/>
      <sz val="24"/>
      <color theme="1"/>
      <name val="ＭＳ Ｐゴシック"/>
      <family val="3"/>
      <charset val="128"/>
    </font>
    <font>
      <sz val="11"/>
      <color theme="1"/>
      <name val="ＭＳ Ｐゴシック"/>
      <family val="3"/>
      <charset val="128"/>
    </font>
    <font>
      <sz val="10"/>
      <name val="ＭＳ Ｐゴシック"/>
      <family val="3"/>
      <charset val="128"/>
    </font>
  </fonts>
  <fills count="3">
    <fill>
      <patternFill patternType="none"/>
    </fill>
    <fill>
      <patternFill patternType="gray125"/>
    </fill>
    <fill>
      <patternFill patternType="solid">
        <fgColor theme="0"/>
        <bgColor indexed="64"/>
      </patternFill>
    </fill>
  </fills>
  <borders count="7">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auto="1"/>
      </left>
      <right style="thin">
        <color auto="1"/>
      </right>
      <top/>
      <bottom style="thin">
        <color auto="1"/>
      </bottom>
      <diagonal/>
    </border>
    <border>
      <left style="thin">
        <color auto="1"/>
      </left>
      <right/>
      <top/>
      <bottom/>
      <diagonal/>
    </border>
  </borders>
  <cellStyleXfs count="1">
    <xf numFmtId="0" fontId="0" fillId="0" borderId="0">
      <alignment vertical="center"/>
    </xf>
  </cellStyleXfs>
  <cellXfs count="25">
    <xf numFmtId="0" fontId="0" fillId="0" borderId="0" xfId="0">
      <alignment vertical="center"/>
    </xf>
    <xf numFmtId="0" fontId="2" fillId="0" borderId="0" xfId="0" applyFont="1">
      <alignment vertical="center"/>
    </xf>
    <xf numFmtId="0" fontId="2" fillId="0" borderId="0" xfId="0" applyFont="1" applyAlignment="1">
      <alignment horizontal="center" vertical="center"/>
    </xf>
    <xf numFmtId="0" fontId="2" fillId="0" borderId="0" xfId="0" applyFont="1" applyAlignment="1">
      <alignment horizontal="right" vertical="center"/>
    </xf>
    <xf numFmtId="0" fontId="2" fillId="0" borderId="1" xfId="0" applyFont="1" applyBorder="1" applyAlignment="1">
      <alignment horizontal="center" vertical="center"/>
    </xf>
    <xf numFmtId="0" fontId="3" fillId="0" borderId="0" xfId="0" applyFont="1" applyAlignment="1">
      <alignment horizontal="center" vertical="center"/>
    </xf>
    <xf numFmtId="0" fontId="2" fillId="0" borderId="0" xfId="0" applyFont="1" applyAlignment="1">
      <alignment horizontal="left" vertical="center"/>
    </xf>
    <xf numFmtId="0" fontId="2" fillId="0" borderId="2" xfId="0" applyFont="1" applyBorder="1" applyAlignment="1">
      <alignment horizontal="center" vertical="center"/>
    </xf>
    <xf numFmtId="0" fontId="2" fillId="0" borderId="1" xfId="0" applyFont="1" applyBorder="1" applyAlignment="1">
      <alignment horizontal="left" vertical="center" wrapText="1"/>
    </xf>
    <xf numFmtId="0" fontId="2" fillId="2" borderId="0" xfId="0" applyFont="1" applyFill="1" applyAlignment="1">
      <alignment vertical="center" wrapText="1"/>
    </xf>
    <xf numFmtId="0" fontId="2" fillId="2" borderId="5" xfId="0" applyFont="1" applyFill="1" applyBorder="1" applyAlignment="1">
      <alignment vertical="center" wrapText="1"/>
    </xf>
    <xf numFmtId="0" fontId="2" fillId="2" borderId="1" xfId="0" applyFont="1" applyFill="1" applyBorder="1" applyAlignment="1">
      <alignment vertical="center" wrapText="1"/>
    </xf>
    <xf numFmtId="0" fontId="4" fillId="2" borderId="0" xfId="0" applyFont="1" applyFill="1">
      <alignment vertical="center"/>
    </xf>
    <xf numFmtId="0" fontId="4" fillId="2" borderId="1" xfId="0" applyFont="1" applyFill="1" applyBorder="1" applyAlignment="1">
      <alignment vertical="center" wrapText="1"/>
    </xf>
    <xf numFmtId="0" fontId="4" fillId="2" borderId="1" xfId="0" applyFont="1" applyFill="1" applyBorder="1">
      <alignment vertical="center"/>
    </xf>
    <xf numFmtId="0" fontId="2" fillId="0" borderId="1" xfId="0" applyFont="1" applyBorder="1" applyAlignment="1">
      <alignment vertical="center" wrapText="1"/>
    </xf>
    <xf numFmtId="0" fontId="5" fillId="0" borderId="1" xfId="0" applyFont="1" applyBorder="1" applyAlignment="1">
      <alignment vertical="center" wrapText="1"/>
    </xf>
    <xf numFmtId="0" fontId="2" fillId="0" borderId="1" xfId="0" applyFont="1" applyBorder="1" applyAlignment="1">
      <alignment vertical="center" wrapText="1"/>
    </xf>
    <xf numFmtId="0" fontId="0" fillId="0" borderId="1" xfId="0" applyBorder="1" applyAlignment="1">
      <alignment vertical="center" wrapText="1"/>
    </xf>
    <xf numFmtId="0" fontId="3" fillId="0" borderId="0" xfId="0" applyFont="1" applyAlignment="1">
      <alignment horizontal="center" vertical="center"/>
    </xf>
    <xf numFmtId="0" fontId="2" fillId="0" borderId="3" xfId="0" applyFont="1" applyBorder="1" applyAlignment="1">
      <alignment vertical="center" wrapText="1"/>
    </xf>
    <xf numFmtId="0" fontId="2" fillId="0" borderId="5" xfId="0" applyFont="1" applyBorder="1" applyAlignment="1">
      <alignment vertical="center" wrapText="1"/>
    </xf>
    <xf numFmtId="0" fontId="2" fillId="0" borderId="6" xfId="0" applyFont="1" applyBorder="1" applyAlignment="1">
      <alignment vertical="center" wrapText="1"/>
    </xf>
    <xf numFmtId="0" fontId="0" fillId="0" borderId="4" xfId="0" applyBorder="1" applyAlignment="1">
      <alignment vertical="center" wrapText="1"/>
    </xf>
    <xf numFmtId="0" fontId="0" fillId="0" borderId="5" xfId="0"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C25"/>
  <sheetViews>
    <sheetView tabSelected="1" view="pageBreakPreview" zoomScaleNormal="100" zoomScaleSheetLayoutView="100" workbookViewId="0">
      <selection activeCell="I11" sqref="I11"/>
    </sheetView>
  </sheetViews>
  <sheetFormatPr defaultColWidth="9" defaultRowHeight="12" x14ac:dyDescent="0.4"/>
  <cols>
    <col min="1" max="1" width="15.5" style="1" customWidth="1"/>
    <col min="2" max="2" width="76.125" style="1" customWidth="1"/>
    <col min="3" max="3" width="12.625" style="2" customWidth="1"/>
    <col min="4" max="16384" width="9" style="1"/>
  </cols>
  <sheetData>
    <row r="1" spans="1:3" ht="28.5" x14ac:dyDescent="0.4">
      <c r="A1" s="19" t="s">
        <v>24</v>
      </c>
      <c r="B1" s="19"/>
      <c r="C1" s="19"/>
    </row>
    <row r="2" spans="1:3" ht="24.75" customHeight="1" x14ac:dyDescent="0.4">
      <c r="A2" s="6" t="s">
        <v>10</v>
      </c>
      <c r="B2" s="5"/>
      <c r="C2" s="5"/>
    </row>
    <row r="3" spans="1:3" x14ac:dyDescent="0.4">
      <c r="B3" s="3"/>
    </row>
    <row r="4" spans="1:3" ht="24" customHeight="1" x14ac:dyDescent="0.4">
      <c r="A4" s="7" t="s">
        <v>0</v>
      </c>
      <c r="B4" s="4" t="s">
        <v>1</v>
      </c>
      <c r="C4" s="4" t="s">
        <v>2</v>
      </c>
    </row>
    <row r="5" spans="1:3" ht="52.9" customHeight="1" x14ac:dyDescent="0.4">
      <c r="A5" s="17" t="s">
        <v>29</v>
      </c>
      <c r="B5" s="16" t="s">
        <v>33</v>
      </c>
      <c r="C5" s="8" t="s">
        <v>11</v>
      </c>
    </row>
    <row r="6" spans="1:3" ht="52.9" customHeight="1" x14ac:dyDescent="0.4">
      <c r="A6" s="18"/>
      <c r="B6" s="15" t="s">
        <v>27</v>
      </c>
      <c r="C6" s="8" t="s">
        <v>11</v>
      </c>
    </row>
    <row r="7" spans="1:3" ht="52.9" customHeight="1" x14ac:dyDescent="0.4">
      <c r="A7" s="18"/>
      <c r="B7" s="15" t="s">
        <v>30</v>
      </c>
      <c r="C7" s="8" t="s">
        <v>11</v>
      </c>
    </row>
    <row r="8" spans="1:3" ht="52.9" customHeight="1" x14ac:dyDescent="0.4">
      <c r="A8" s="18"/>
      <c r="B8" s="15" t="s">
        <v>31</v>
      </c>
      <c r="C8" s="8" t="s">
        <v>11</v>
      </c>
    </row>
    <row r="9" spans="1:3" ht="52.9" customHeight="1" x14ac:dyDescent="0.4">
      <c r="A9" s="18"/>
      <c r="B9" s="15" t="s">
        <v>28</v>
      </c>
      <c r="C9" s="8" t="s">
        <v>11</v>
      </c>
    </row>
    <row r="10" spans="1:3" ht="48.75" customHeight="1" x14ac:dyDescent="0.4">
      <c r="A10" s="20" t="s">
        <v>8</v>
      </c>
      <c r="B10" s="11" t="s">
        <v>15</v>
      </c>
      <c r="C10" s="8" t="s">
        <v>11</v>
      </c>
    </row>
    <row r="11" spans="1:3" ht="48.75" customHeight="1" x14ac:dyDescent="0.4">
      <c r="A11" s="21"/>
      <c r="B11" s="11" t="s">
        <v>13</v>
      </c>
      <c r="C11" s="8" t="s">
        <v>11</v>
      </c>
    </row>
    <row r="12" spans="1:3" ht="48.75" customHeight="1" x14ac:dyDescent="0.4">
      <c r="A12" s="20" t="s">
        <v>3</v>
      </c>
      <c r="B12" s="9" t="s">
        <v>9</v>
      </c>
      <c r="C12" s="8" t="s">
        <v>11</v>
      </c>
    </row>
    <row r="13" spans="1:3" ht="48.75" customHeight="1" x14ac:dyDescent="0.4">
      <c r="A13" s="22"/>
      <c r="B13" s="11" t="s">
        <v>7</v>
      </c>
      <c r="C13" s="8" t="s">
        <v>11</v>
      </c>
    </row>
    <row r="14" spans="1:3" ht="48.75" customHeight="1" x14ac:dyDescent="0.4">
      <c r="A14" s="23"/>
      <c r="B14" s="10" t="s">
        <v>19</v>
      </c>
      <c r="C14" s="8" t="s">
        <v>11</v>
      </c>
    </row>
    <row r="15" spans="1:3" ht="48.75" customHeight="1" x14ac:dyDescent="0.4">
      <c r="A15" s="20" t="s">
        <v>4</v>
      </c>
      <c r="B15" s="11" t="s">
        <v>14</v>
      </c>
      <c r="C15" s="8" t="s">
        <v>11</v>
      </c>
    </row>
    <row r="16" spans="1:3" ht="48.75" customHeight="1" x14ac:dyDescent="0.4">
      <c r="A16" s="23"/>
      <c r="B16" s="11" t="s">
        <v>20</v>
      </c>
      <c r="C16" s="8" t="s">
        <v>11</v>
      </c>
    </row>
    <row r="17" spans="1:3" ht="48.75" customHeight="1" x14ac:dyDescent="0.4">
      <c r="A17" s="23"/>
      <c r="B17" s="11" t="s">
        <v>12</v>
      </c>
      <c r="C17" s="8" t="s">
        <v>11</v>
      </c>
    </row>
    <row r="18" spans="1:3" ht="48.75" customHeight="1" x14ac:dyDescent="0.4">
      <c r="A18" s="20" t="s">
        <v>32</v>
      </c>
      <c r="B18" s="11" t="s">
        <v>25</v>
      </c>
      <c r="C18" s="8" t="s">
        <v>11</v>
      </c>
    </row>
    <row r="19" spans="1:3" ht="48.75" customHeight="1" x14ac:dyDescent="0.4">
      <c r="A19" s="24"/>
      <c r="B19" s="11" t="s">
        <v>26</v>
      </c>
      <c r="C19" s="8" t="s">
        <v>11</v>
      </c>
    </row>
    <row r="20" spans="1:3" ht="48.75" customHeight="1" x14ac:dyDescent="0.4">
      <c r="A20" s="20" t="s">
        <v>5</v>
      </c>
      <c r="B20" s="11" t="s">
        <v>21</v>
      </c>
      <c r="C20" s="8" t="s">
        <v>11</v>
      </c>
    </row>
    <row r="21" spans="1:3" ht="48.75" customHeight="1" x14ac:dyDescent="0.4">
      <c r="A21" s="23"/>
      <c r="B21" s="12" t="s">
        <v>16</v>
      </c>
      <c r="C21" s="8" t="s">
        <v>11</v>
      </c>
    </row>
    <row r="22" spans="1:3" ht="48.75" customHeight="1" x14ac:dyDescent="0.4">
      <c r="A22" s="23"/>
      <c r="B22" s="13" t="s">
        <v>17</v>
      </c>
      <c r="C22" s="8" t="s">
        <v>11</v>
      </c>
    </row>
    <row r="23" spans="1:3" ht="48.75" customHeight="1" x14ac:dyDescent="0.4">
      <c r="A23" s="24"/>
      <c r="B23" s="11" t="s">
        <v>22</v>
      </c>
      <c r="C23" s="8" t="s">
        <v>11</v>
      </c>
    </row>
    <row r="24" spans="1:3" ht="52.35" customHeight="1" x14ac:dyDescent="0.4">
      <c r="A24" s="17" t="s">
        <v>6</v>
      </c>
      <c r="B24" s="14" t="s">
        <v>23</v>
      </c>
      <c r="C24" s="8" t="s">
        <v>11</v>
      </c>
    </row>
    <row r="25" spans="1:3" ht="52.35" customHeight="1" x14ac:dyDescent="0.4">
      <c r="A25" s="18"/>
      <c r="B25" s="13" t="s">
        <v>18</v>
      </c>
      <c r="C25" s="8" t="s">
        <v>11</v>
      </c>
    </row>
  </sheetData>
  <mergeCells count="8">
    <mergeCell ref="A5:A9"/>
    <mergeCell ref="A24:A25"/>
    <mergeCell ref="A1:C1"/>
    <mergeCell ref="A10:A11"/>
    <mergeCell ref="A12:A14"/>
    <mergeCell ref="A15:A17"/>
    <mergeCell ref="A18:A19"/>
    <mergeCell ref="A20:A23"/>
  </mergeCells>
  <phoneticPr fontId="1"/>
  <pageMargins left="0.51181102362204722" right="0.31496062992125984" top="0.55118110236220474" bottom="0.35433070866141736" header="0.31496062992125984" footer="0.31496062992125984"/>
  <pageSetup paperSize="9" scale="83" fitToHeight="0" orientation="portrait" r:id="rId1"/>
  <headerFooter>
    <oddHeader>&amp;RR８　鹿児島市指導監査添付資料</oddHeader>
    <oddFooter>&amp;L※留意点を示したものであり、取組状況が全て指導、指摘事項になるということではありません。</oddFooter>
  </headerFooter>
  <rowBreaks count="1" manualBreakCount="1">
    <brk id="19" max="2"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不適切保育防止関係</vt:lpstr>
      <vt:lpstr>不適切保育防止関係!Print_Area</vt:lpstr>
      <vt:lpstr>不適切保育防止関係!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c:creator>
  <cp:lastModifiedBy>塩入谷　智浩</cp:lastModifiedBy>
  <cp:lastPrinted>2026-04-13T07:05:32Z</cp:lastPrinted>
  <dcterms:created xsi:type="dcterms:W3CDTF">2020-07-30T01:56:44Z</dcterms:created>
  <dcterms:modified xsi:type="dcterms:W3CDTF">2026-05-18T06:01:46Z</dcterms:modified>
</cp:coreProperties>
</file>